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929"/>
  <workbookPr defaultThemeVersion="166925"/>
  <mc:AlternateContent xmlns:mc="http://schemas.openxmlformats.org/markup-compatibility/2006">
    <mc:Choice Requires="x15">
      <x15ac:absPath xmlns:x15ac="http://schemas.microsoft.com/office/spreadsheetml/2010/11/ac" url="C:\Users\i9706089\Desktop\統計書2021(R3)\02完了分\第3章 農業・漁業\01公表用\"/>
    </mc:Choice>
  </mc:AlternateContent>
  <xr:revisionPtr revIDLastSave="0" documentId="13_ncr:1_{CA9474C7-C001-4F5E-833D-5EA0BF6CB42E}" xr6:coauthVersionLast="44" xr6:coauthVersionMax="44" xr10:uidLastSave="{00000000-0000-0000-0000-000000000000}"/>
  <bookViews>
    <workbookView xWindow="-108" yWindow="-108" windowWidth="23256" windowHeight="12576" xr2:uid="{00000000-000D-0000-FFFF-FFFF00000000}"/>
  </bookViews>
  <sheets>
    <sheet name="1-4 土地種類別面積" sheetId="1" r:id="rId1"/>
  </sheets>
  <definedNames>
    <definedName name="_xlnm.Print_Area" localSheetId="0">'1-4 土地種類別面積'!$A$1:$H$68</definedName>
    <definedName name="_xlnm.Print_Titles" localSheetId="0">'1-4 土地種類別面積'!$1:$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D35" i="1" l="1"/>
  <c r="D32" i="1"/>
  <c r="D29" i="1"/>
  <c r="D26" i="1"/>
  <c r="D20" i="1"/>
  <c r="D17" i="1"/>
  <c r="D14" i="1"/>
  <c r="D13" i="1"/>
  <c r="D12" i="1"/>
  <c r="D11" i="1"/>
  <c r="D8" i="1"/>
</calcChain>
</file>

<file path=xl/sharedStrings.xml><?xml version="1.0" encoding="utf-8"?>
<sst xmlns="http://schemas.openxmlformats.org/spreadsheetml/2006/main" count="92" uniqueCount="45">
  <si>
    <t>１－４　土地種類別面積</t>
    <rPh sb="4" eb="6">
      <t>トチ</t>
    </rPh>
    <rPh sb="6" eb="9">
      <t>シュルイベツ</t>
    </rPh>
    <rPh sb="9" eb="11">
      <t>メンセキ</t>
    </rPh>
    <phoneticPr fontId="4"/>
  </si>
  <si>
    <t>資料：北海道農業基本調査結果報告書、農業事業体調査結果報告書、農業センサス、農林業センサス、世界農林業センサス、北海道統計</t>
    <rPh sb="0" eb="2">
      <t>シリョウ</t>
    </rPh>
    <phoneticPr fontId="4"/>
  </si>
  <si>
    <t>　　（各年２月１日現在　単位:ｈａ）</t>
    <rPh sb="3" eb="5">
      <t>カクネン</t>
    </rPh>
    <rPh sb="6" eb="7">
      <t>ガツ</t>
    </rPh>
    <rPh sb="8" eb="9">
      <t>ニチ</t>
    </rPh>
    <rPh sb="9" eb="11">
      <t>ゲンザイ</t>
    </rPh>
    <rPh sb="12" eb="14">
      <t>タンイ</t>
    </rPh>
    <phoneticPr fontId="4"/>
  </si>
  <si>
    <t>西暦</t>
    <rPh sb="0" eb="2">
      <t>セイレキ</t>
    </rPh>
    <phoneticPr fontId="4"/>
  </si>
  <si>
    <t>和歴</t>
    <rPh sb="0" eb="1">
      <t>ワ</t>
    </rPh>
    <rPh sb="1" eb="2">
      <t>レキ</t>
    </rPh>
    <phoneticPr fontId="4"/>
  </si>
  <si>
    <t>地区</t>
    <rPh sb="0" eb="2">
      <t>チク</t>
    </rPh>
    <phoneticPr fontId="4"/>
  </si>
  <si>
    <t>経　営　耕　地　面　積</t>
    <rPh sb="0" eb="3">
      <t>ケイエイ</t>
    </rPh>
    <rPh sb="4" eb="5">
      <t>コウ</t>
    </rPh>
    <rPh sb="6" eb="7">
      <t>チ</t>
    </rPh>
    <rPh sb="8" eb="11">
      <t>メンセキ</t>
    </rPh>
    <phoneticPr fontId="4"/>
  </si>
  <si>
    <t>耕　地　面　積</t>
    <rPh sb="0" eb="3">
      <t>コウチ</t>
    </rPh>
    <rPh sb="4" eb="7">
      <t>メンセキ</t>
    </rPh>
    <phoneticPr fontId="4"/>
  </si>
  <si>
    <t>採草・放牧地面積</t>
    <rPh sb="0" eb="2">
      <t>サイソウ</t>
    </rPh>
    <rPh sb="3" eb="5">
      <t>ホウボク</t>
    </rPh>
    <rPh sb="5" eb="6">
      <t>チ</t>
    </rPh>
    <rPh sb="6" eb="8">
      <t>メンセキ</t>
    </rPh>
    <phoneticPr fontId="4"/>
  </si>
  <si>
    <t>総　数</t>
    <rPh sb="0" eb="3">
      <t>ソウスウ</t>
    </rPh>
    <phoneticPr fontId="4"/>
  </si>
  <si>
    <t>田</t>
    <rPh sb="0" eb="1">
      <t>タ</t>
    </rPh>
    <phoneticPr fontId="4"/>
  </si>
  <si>
    <t>畑</t>
    <rPh sb="0" eb="1">
      <t>ハタケ</t>
    </rPh>
    <phoneticPr fontId="4"/>
  </si>
  <si>
    <t>樹園地</t>
    <rPh sb="0" eb="1">
      <t>ジュ</t>
    </rPh>
    <rPh sb="1" eb="2">
      <t>エン</t>
    </rPh>
    <rPh sb="2" eb="3">
      <t>チ</t>
    </rPh>
    <phoneticPr fontId="4"/>
  </si>
  <si>
    <t>昭和60年</t>
    <rPh sb="0" eb="2">
      <t>ショウワ</t>
    </rPh>
    <phoneticPr fontId="4"/>
  </si>
  <si>
    <t>石狩町</t>
    <rPh sb="0" eb="2">
      <t>イシカリ</t>
    </rPh>
    <rPh sb="2" eb="3">
      <t>マチ</t>
    </rPh>
    <phoneticPr fontId="4"/>
  </si>
  <si>
    <t>厚田村</t>
    <rPh sb="0" eb="2">
      <t>ア</t>
    </rPh>
    <rPh sb="2" eb="3">
      <t>ムラ</t>
    </rPh>
    <phoneticPr fontId="4"/>
  </si>
  <si>
    <t>浜益村</t>
    <rPh sb="0" eb="2">
      <t>ｈ</t>
    </rPh>
    <rPh sb="2" eb="3">
      <t>ムラ</t>
    </rPh>
    <phoneticPr fontId="4"/>
  </si>
  <si>
    <t>昭和63年</t>
    <rPh sb="0" eb="2">
      <t>ｓ</t>
    </rPh>
    <phoneticPr fontId="4"/>
  </si>
  <si>
    <t>平成元年</t>
    <rPh sb="0" eb="2">
      <t>ｈ</t>
    </rPh>
    <rPh sb="2" eb="4">
      <t>ガンネン</t>
    </rPh>
    <phoneticPr fontId="4"/>
  </si>
  <si>
    <t>平成 2年</t>
    <rPh sb="0" eb="2">
      <t>ｈ</t>
    </rPh>
    <rPh sb="4" eb="5">
      <t>ネン</t>
    </rPh>
    <phoneticPr fontId="4"/>
  </si>
  <si>
    <t>平成 3年</t>
    <rPh sb="0" eb="2">
      <t>ｈ</t>
    </rPh>
    <rPh sb="4" eb="5">
      <t>ネン</t>
    </rPh>
    <phoneticPr fontId="4"/>
  </si>
  <si>
    <t>平成 4年</t>
    <rPh sb="0" eb="2">
      <t>ｈ</t>
    </rPh>
    <rPh sb="4" eb="5">
      <t>ネン</t>
    </rPh>
    <phoneticPr fontId="4"/>
  </si>
  <si>
    <t>平成 5年</t>
    <rPh sb="0" eb="2">
      <t>ｈ</t>
    </rPh>
    <rPh sb="4" eb="5">
      <t>ネン</t>
    </rPh>
    <phoneticPr fontId="4"/>
  </si>
  <si>
    <t>平成 6年</t>
    <rPh sb="0" eb="2">
      <t>ｈ</t>
    </rPh>
    <rPh sb="4" eb="5">
      <t>ネン</t>
    </rPh>
    <phoneticPr fontId="4"/>
  </si>
  <si>
    <t>平成 7年</t>
    <rPh sb="0" eb="2">
      <t>ｈ</t>
    </rPh>
    <rPh sb="4" eb="5">
      <t>ネン</t>
    </rPh>
    <phoneticPr fontId="4"/>
  </si>
  <si>
    <t>平成 8年</t>
    <rPh sb="0" eb="2">
      <t>ｈ</t>
    </rPh>
    <rPh sb="4" eb="5">
      <t>ネン</t>
    </rPh>
    <phoneticPr fontId="4"/>
  </si>
  <si>
    <t>石狩市</t>
    <rPh sb="0" eb="3">
      <t>イ</t>
    </rPh>
    <phoneticPr fontId="4"/>
  </si>
  <si>
    <t>平成 9年</t>
    <rPh sb="0" eb="2">
      <t>ｈ</t>
    </rPh>
    <rPh sb="4" eb="5">
      <t>ネン</t>
    </rPh>
    <phoneticPr fontId="4"/>
  </si>
  <si>
    <t>平成 10年</t>
    <rPh sb="0" eb="2">
      <t>ｈ</t>
    </rPh>
    <rPh sb="5" eb="6">
      <t>ネン</t>
    </rPh>
    <phoneticPr fontId="4"/>
  </si>
  <si>
    <t>平成 11年</t>
    <rPh sb="0" eb="2">
      <t>ｈ</t>
    </rPh>
    <rPh sb="5" eb="6">
      <t>ネン</t>
    </rPh>
    <phoneticPr fontId="4"/>
  </si>
  <si>
    <t>平成12年</t>
    <rPh sb="0" eb="2">
      <t>ｈ</t>
    </rPh>
    <rPh sb="4" eb="5">
      <t>ネン</t>
    </rPh>
    <phoneticPr fontId="4"/>
  </si>
  <si>
    <t>平成17年</t>
    <rPh sb="0" eb="2">
      <t>ｈ</t>
    </rPh>
    <rPh sb="4" eb="5">
      <t>ネン</t>
    </rPh>
    <phoneticPr fontId="4"/>
  </si>
  <si>
    <t>平成22年</t>
    <rPh sb="0" eb="2">
      <t>ｈ</t>
    </rPh>
    <rPh sb="4" eb="5">
      <t>ネン</t>
    </rPh>
    <phoneticPr fontId="4"/>
  </si>
  <si>
    <t>石狩地区</t>
    <rPh sb="0" eb="2">
      <t>イシカリ</t>
    </rPh>
    <rPh sb="2" eb="4">
      <t>チク</t>
    </rPh>
    <phoneticPr fontId="4"/>
  </si>
  <si>
    <t>厚田区</t>
    <rPh sb="0" eb="2">
      <t>ア</t>
    </rPh>
    <rPh sb="2" eb="3">
      <t>ク</t>
    </rPh>
    <phoneticPr fontId="4"/>
  </si>
  <si>
    <t>浜益区</t>
    <rPh sb="0" eb="2">
      <t>ｈ</t>
    </rPh>
    <rPh sb="2" eb="3">
      <t>ク</t>
    </rPh>
    <phoneticPr fontId="4"/>
  </si>
  <si>
    <t>平成27年</t>
    <rPh sb="0" eb="2">
      <t>ｈ</t>
    </rPh>
    <rPh sb="4" eb="5">
      <t>ネン</t>
    </rPh>
    <phoneticPr fontId="4"/>
  </si>
  <si>
    <t>１　耕地とは作物の栽培を目的として肥培管理している土地のことで珪畔も含みます。</t>
    <rPh sb="2" eb="4">
      <t>コウチ</t>
    </rPh>
    <rPh sb="6" eb="8">
      <t>サクモツ</t>
    </rPh>
    <rPh sb="9" eb="11">
      <t>サイバイ</t>
    </rPh>
    <rPh sb="12" eb="14">
      <t>モクテキ</t>
    </rPh>
    <rPh sb="17" eb="19">
      <t>ヒバイ</t>
    </rPh>
    <rPh sb="19" eb="21">
      <t>カンリ</t>
    </rPh>
    <rPh sb="25" eb="27">
      <t>トチ</t>
    </rPh>
    <rPh sb="31" eb="32">
      <t>ケイ</t>
    </rPh>
    <rPh sb="32" eb="33">
      <t>ハン</t>
    </rPh>
    <phoneticPr fontId="4"/>
  </si>
  <si>
    <t>２　草地とは肥培管理をしていない牧草地や自然野草地、山林のうち</t>
    <rPh sb="2" eb="4">
      <t>クサチ</t>
    </rPh>
    <rPh sb="6" eb="8">
      <t>ヒバイ</t>
    </rPh>
    <rPh sb="8" eb="10">
      <t>カンリ</t>
    </rPh>
    <rPh sb="16" eb="19">
      <t>ボクソウチ</t>
    </rPh>
    <rPh sb="20" eb="22">
      <t>シゼン</t>
    </rPh>
    <rPh sb="22" eb="24">
      <t>ヤソウ</t>
    </rPh>
    <rPh sb="24" eb="25">
      <t>チ</t>
    </rPh>
    <rPh sb="26" eb="28">
      <t>サンリン</t>
    </rPh>
    <phoneticPr fontId="4"/>
  </si>
  <si>
    <t>　　採草・放牧に利用したものです。</t>
    <rPh sb="2" eb="4">
      <t>サイソウ</t>
    </rPh>
    <rPh sb="5" eb="7">
      <t>ホウボク</t>
    </rPh>
    <rPh sb="8" eb="10">
      <t>リヨウ</t>
    </rPh>
    <phoneticPr fontId="4"/>
  </si>
  <si>
    <t>３　田には稲を作った面積のほか､稲以外の作物を作った田や休耕地も</t>
    <rPh sb="2" eb="3">
      <t>タ</t>
    </rPh>
    <rPh sb="5" eb="6">
      <t>イネ</t>
    </rPh>
    <rPh sb="7" eb="8">
      <t>ツク</t>
    </rPh>
    <rPh sb="10" eb="12">
      <t>メンセキ</t>
    </rPh>
    <rPh sb="16" eb="17">
      <t>イネ</t>
    </rPh>
    <rPh sb="17" eb="19">
      <t>イガイ</t>
    </rPh>
    <rPh sb="20" eb="22">
      <t>サクモツ</t>
    </rPh>
    <rPh sb="23" eb="24">
      <t>ツク</t>
    </rPh>
    <rPh sb="26" eb="27">
      <t>タ</t>
    </rPh>
    <rPh sb="28" eb="31">
      <t>キュウコウチ</t>
    </rPh>
    <phoneticPr fontId="4"/>
  </si>
  <si>
    <t>　　含みます。</t>
    <rPh sb="2" eb="3">
      <t>フク</t>
    </rPh>
    <phoneticPr fontId="4"/>
  </si>
  <si>
    <t>４　畑には普通畑のほか、輪作牧草畑や肥培管理している牧草地を含みます。</t>
    <rPh sb="2" eb="3">
      <t>ハタケ</t>
    </rPh>
    <rPh sb="5" eb="7">
      <t>フツウ</t>
    </rPh>
    <rPh sb="7" eb="8">
      <t>ハタケ</t>
    </rPh>
    <rPh sb="12" eb="14">
      <t>リンサク</t>
    </rPh>
    <rPh sb="14" eb="16">
      <t>ボクソウ</t>
    </rPh>
    <rPh sb="16" eb="17">
      <t>ハタケ</t>
    </rPh>
    <rPh sb="18" eb="20">
      <t>ヒバイ</t>
    </rPh>
    <rPh sb="20" eb="22">
      <t>カンリ</t>
    </rPh>
    <rPh sb="26" eb="29">
      <t>ボクソウチ</t>
    </rPh>
    <rPh sb="30" eb="31">
      <t>フク</t>
    </rPh>
    <phoneticPr fontId="4"/>
  </si>
  <si>
    <t>※2000年（平成12年）までは総農家、2005年（平成17年）以降は販売農家とする。</t>
    <rPh sb="5" eb="6">
      <t>ネン</t>
    </rPh>
    <rPh sb="7" eb="9">
      <t>ｈ</t>
    </rPh>
    <rPh sb="11" eb="12">
      <t>ネン</t>
    </rPh>
    <rPh sb="16" eb="17">
      <t>ソウ</t>
    </rPh>
    <rPh sb="17" eb="19">
      <t>ノウカ</t>
    </rPh>
    <rPh sb="24" eb="25">
      <t>ネン</t>
    </rPh>
    <rPh sb="26" eb="28">
      <t>ヘイセイ</t>
    </rPh>
    <rPh sb="30" eb="31">
      <t>ネン</t>
    </rPh>
    <rPh sb="32" eb="34">
      <t>イコウ</t>
    </rPh>
    <rPh sb="35" eb="37">
      <t>ハンバイ</t>
    </rPh>
    <rPh sb="37" eb="39">
      <t>ノウカ</t>
    </rPh>
    <phoneticPr fontId="4"/>
  </si>
  <si>
    <t>令和2年</t>
    <rPh sb="0" eb="2">
      <t>レイワ</t>
    </rPh>
    <rPh sb="3" eb="4">
      <t>ネン</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0000&quot;年&quot;"/>
    <numFmt numFmtId="177" formatCode="_ * #,##0.00_ ;_ * &quot;¥&quot;\!\-#,##0.00_ ;_ * &quot;-&quot;??_ ;_ @_ "/>
  </numFmts>
  <fonts count="6" x14ac:knownFonts="1">
    <font>
      <sz val="11"/>
      <name val="ＭＳ 明朝"/>
      <family val="1"/>
      <charset val="128"/>
    </font>
    <font>
      <sz val="11"/>
      <name val="ＭＳ 明朝"/>
      <family val="1"/>
      <charset val="128"/>
    </font>
    <font>
      <b/>
      <sz val="16"/>
      <name val="ＭＳ 明朝"/>
      <family val="1"/>
      <charset val="128"/>
    </font>
    <font>
      <sz val="6"/>
      <name val="ＭＳ 明朝"/>
      <family val="1"/>
      <charset val="128"/>
    </font>
    <font>
      <sz val="6"/>
      <name val="ＭＳ Ｐ明朝"/>
      <family val="1"/>
      <charset val="128"/>
    </font>
    <font>
      <sz val="10"/>
      <name val="ＭＳ 明朝"/>
      <family val="1"/>
      <charset val="128"/>
    </font>
  </fonts>
  <fills count="2">
    <fill>
      <patternFill patternType="none"/>
    </fill>
    <fill>
      <patternFill patternType="gray125"/>
    </fill>
  </fills>
  <borders count="47">
    <border>
      <left/>
      <right/>
      <top/>
      <bottom/>
      <diagonal/>
    </border>
    <border>
      <left style="medium">
        <color indexed="64"/>
      </left>
      <right style="hair">
        <color indexed="64"/>
      </right>
      <top style="medium">
        <color indexed="64"/>
      </top>
      <bottom style="hair">
        <color indexed="64"/>
      </bottom>
      <diagonal/>
    </border>
    <border>
      <left style="hair">
        <color indexed="64"/>
      </left>
      <right style="hair">
        <color indexed="64"/>
      </right>
      <top style="medium">
        <color indexed="64"/>
      </top>
      <bottom style="hair">
        <color indexed="64"/>
      </bottom>
      <diagonal/>
    </border>
    <border>
      <left style="hair">
        <color indexed="64"/>
      </left>
      <right style="thin">
        <color indexed="64"/>
      </right>
      <top style="medium">
        <color indexed="64"/>
      </top>
      <bottom/>
      <diagonal/>
    </border>
    <border>
      <left/>
      <right style="hair">
        <color indexed="64"/>
      </right>
      <top style="medium">
        <color indexed="64"/>
      </top>
      <bottom style="hair">
        <color indexed="64"/>
      </bottom>
      <diagonal/>
    </border>
    <border>
      <left style="hair">
        <color indexed="64"/>
      </left>
      <right style="medium">
        <color indexed="64"/>
      </right>
      <top style="medium">
        <color indexed="64"/>
      </top>
      <bottom style="hair">
        <color indexed="64"/>
      </bottom>
      <diagonal/>
    </border>
    <border>
      <left style="medium">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style="thin">
        <color indexed="64"/>
      </right>
      <top/>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medium">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medium">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style="medium">
        <color indexed="64"/>
      </left>
      <right style="hair">
        <color indexed="64"/>
      </right>
      <top style="hair">
        <color indexed="64"/>
      </top>
      <bottom/>
      <diagonal/>
    </border>
    <border>
      <left style="hair">
        <color indexed="64"/>
      </left>
      <right style="hair">
        <color indexed="64"/>
      </right>
      <top style="hair">
        <color indexed="64"/>
      </top>
      <bottom/>
      <diagonal/>
    </border>
    <border>
      <left style="hair">
        <color indexed="64"/>
      </left>
      <right style="thin">
        <color indexed="64"/>
      </right>
      <top style="hair">
        <color indexed="64"/>
      </top>
      <bottom/>
      <diagonal/>
    </border>
    <border>
      <left/>
      <right style="hair">
        <color indexed="64"/>
      </right>
      <top style="hair">
        <color indexed="64"/>
      </top>
      <bottom/>
      <diagonal/>
    </border>
    <border>
      <left style="hair">
        <color indexed="64"/>
      </left>
      <right style="medium">
        <color indexed="64"/>
      </right>
      <top style="hair">
        <color indexed="64"/>
      </top>
      <bottom/>
      <diagonal/>
    </border>
    <border>
      <left style="hair">
        <color indexed="64"/>
      </left>
      <right style="thin">
        <color indexed="64"/>
      </right>
      <top style="hair">
        <color indexed="64"/>
      </top>
      <bottom style="thin">
        <color indexed="64"/>
      </bottom>
      <diagonal/>
    </border>
    <border>
      <left style="medium">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right style="hair">
        <color indexed="64"/>
      </right>
      <top/>
      <bottom style="hair">
        <color indexed="64"/>
      </bottom>
      <diagonal/>
    </border>
    <border>
      <left style="hair">
        <color indexed="64"/>
      </left>
      <right style="medium">
        <color indexed="64"/>
      </right>
      <top/>
      <bottom style="hair">
        <color indexed="64"/>
      </bottom>
      <diagonal/>
    </border>
    <border>
      <left style="hair">
        <color indexed="64"/>
      </left>
      <right style="hair">
        <color indexed="64"/>
      </right>
      <top style="thin">
        <color indexed="64"/>
      </top>
      <bottom/>
      <diagonal/>
    </border>
    <border>
      <left style="hair">
        <color indexed="64"/>
      </left>
      <right style="medium">
        <color indexed="64"/>
      </right>
      <top style="thin">
        <color indexed="64"/>
      </top>
      <bottom/>
      <diagonal/>
    </border>
    <border>
      <left style="medium">
        <color indexed="64"/>
      </left>
      <right style="hair">
        <color indexed="64"/>
      </right>
      <top style="thin">
        <color indexed="64"/>
      </top>
      <bottom/>
      <diagonal/>
    </border>
    <border>
      <left style="medium">
        <color indexed="64"/>
      </left>
      <right style="hair">
        <color indexed="64"/>
      </right>
      <top/>
      <bottom/>
      <diagonal/>
    </border>
    <border>
      <left style="hair">
        <color indexed="64"/>
      </left>
      <right style="hair">
        <color indexed="64"/>
      </right>
      <top/>
      <bottom/>
      <diagonal/>
    </border>
    <border>
      <left style="medium">
        <color indexed="64"/>
      </left>
      <right style="hair">
        <color indexed="64"/>
      </right>
      <top/>
      <bottom style="thin">
        <color indexed="64"/>
      </bottom>
      <diagonal/>
    </border>
    <border>
      <left style="hair">
        <color indexed="64"/>
      </left>
      <right style="hair">
        <color indexed="64"/>
      </right>
      <top/>
      <bottom style="thin">
        <color indexed="64"/>
      </bottom>
      <diagonal/>
    </border>
    <border>
      <left style="medium">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thin">
        <color indexed="64"/>
      </right>
      <top style="hair">
        <color indexed="64"/>
      </top>
      <bottom style="medium">
        <color indexed="64"/>
      </bottom>
      <diagonal/>
    </border>
    <border>
      <left/>
      <right style="hair">
        <color indexed="64"/>
      </right>
      <top style="hair">
        <color indexed="64"/>
      </top>
      <bottom style="medium">
        <color indexed="64"/>
      </bottom>
      <diagonal/>
    </border>
    <border>
      <left style="hair">
        <color indexed="64"/>
      </left>
      <right style="hair">
        <color indexed="64"/>
      </right>
      <top style="hair">
        <color indexed="64"/>
      </top>
      <bottom style="medium">
        <color indexed="64"/>
      </bottom>
      <diagonal/>
    </border>
    <border>
      <left style="hair">
        <color indexed="64"/>
      </left>
      <right style="medium">
        <color indexed="64"/>
      </right>
      <top style="hair">
        <color indexed="64"/>
      </top>
      <bottom style="medium">
        <color indexed="64"/>
      </bottom>
      <diagonal/>
    </border>
    <border>
      <left style="thin">
        <color indexed="64"/>
      </left>
      <right style="hair">
        <color indexed="64"/>
      </right>
      <top style="thin">
        <color indexed="64"/>
      </top>
      <bottom style="hair">
        <color indexed="64"/>
      </bottom>
      <diagonal/>
    </border>
  </borders>
  <cellStyleXfs count="2">
    <xf numFmtId="0" fontId="0" fillId="0" borderId="0"/>
    <xf numFmtId="38" fontId="1" fillId="0" borderId="0" applyFont="0" applyFill="0" applyBorder="0" applyAlignment="0" applyProtection="0"/>
  </cellStyleXfs>
  <cellXfs count="102">
    <xf numFmtId="0" fontId="0" fillId="0" borderId="0" xfId="0"/>
    <xf numFmtId="0" fontId="2" fillId="0" borderId="0" xfId="0" applyFont="1"/>
    <xf numFmtId="0" fontId="0" fillId="0" borderId="14" xfId="0" applyBorder="1" applyAlignment="1">
      <alignment horizontal="center" vertical="center"/>
    </xf>
    <xf numFmtId="0" fontId="0" fillId="0" borderId="12" xfId="0" applyBorder="1" applyAlignment="1">
      <alignment horizontal="center" vertical="center"/>
    </xf>
    <xf numFmtId="0" fontId="0" fillId="0" borderId="18" xfId="0" applyFont="1" applyBorder="1" applyAlignment="1">
      <alignment horizontal="center" vertical="center"/>
    </xf>
    <xf numFmtId="4" fontId="0" fillId="0" borderId="19" xfId="0" applyNumberFormat="1" applyFill="1" applyBorder="1" applyAlignment="1">
      <alignment vertical="center"/>
    </xf>
    <xf numFmtId="177" fontId="0" fillId="0" borderId="17" xfId="0" applyNumberFormat="1" applyFill="1" applyBorder="1" applyAlignment="1">
      <alignment vertical="center"/>
    </xf>
    <xf numFmtId="177" fontId="0" fillId="0" borderId="17" xfId="0" applyNumberFormat="1" applyFill="1" applyBorder="1" applyAlignment="1">
      <alignment horizontal="center" vertical="center"/>
    </xf>
    <xf numFmtId="177" fontId="0" fillId="0" borderId="20" xfId="0" applyNumberFormat="1" applyFill="1" applyBorder="1" applyAlignment="1">
      <alignment vertical="center"/>
    </xf>
    <xf numFmtId="0" fontId="0" fillId="0" borderId="0" xfId="0" applyFill="1"/>
    <xf numFmtId="0" fontId="0" fillId="0" borderId="21" xfId="0" applyFont="1" applyBorder="1" applyAlignment="1">
      <alignment horizontal="center" vertical="center"/>
    </xf>
    <xf numFmtId="4" fontId="0" fillId="0" borderId="9" xfId="0" applyNumberFormat="1" applyFill="1" applyBorder="1" applyAlignment="1">
      <alignment vertical="center"/>
    </xf>
    <xf numFmtId="177" fontId="0" fillId="0" borderId="7" xfId="0" applyNumberFormat="1" applyFill="1" applyBorder="1" applyAlignment="1">
      <alignment vertical="center"/>
    </xf>
    <xf numFmtId="177" fontId="0" fillId="0" borderId="7" xfId="0" applyNumberFormat="1" applyFill="1" applyBorder="1" applyAlignment="1">
      <alignment horizontal="center" vertical="center"/>
    </xf>
    <xf numFmtId="177" fontId="0" fillId="0" borderId="10" xfId="0" applyNumberFormat="1" applyFill="1" applyBorder="1" applyAlignment="1">
      <alignment vertical="center"/>
    </xf>
    <xf numFmtId="0" fontId="0" fillId="0" borderId="24" xfId="0" applyFont="1" applyBorder="1" applyAlignment="1">
      <alignment horizontal="center" vertical="center"/>
    </xf>
    <xf numFmtId="4" fontId="0" fillId="0" borderId="25" xfId="0" applyNumberFormat="1" applyFill="1" applyBorder="1" applyAlignment="1">
      <alignment vertical="center"/>
    </xf>
    <xf numFmtId="177" fontId="0" fillId="0" borderId="23" xfId="0" applyNumberFormat="1" applyFill="1" applyBorder="1" applyAlignment="1">
      <alignment vertical="center"/>
    </xf>
    <xf numFmtId="177" fontId="0" fillId="0" borderId="23" xfId="0" applyNumberFormat="1" applyFill="1" applyBorder="1" applyAlignment="1">
      <alignment horizontal="center" vertical="center"/>
    </xf>
    <xf numFmtId="177" fontId="0" fillId="0" borderId="26" xfId="0" applyNumberFormat="1" applyFill="1" applyBorder="1" applyAlignment="1">
      <alignment vertical="center"/>
    </xf>
    <xf numFmtId="0" fontId="0" fillId="0" borderId="27" xfId="0" applyFont="1" applyBorder="1" applyAlignment="1">
      <alignment horizontal="center" vertical="center"/>
    </xf>
    <xf numFmtId="4" fontId="0" fillId="0" borderId="14" xfId="0" applyNumberFormat="1" applyFill="1" applyBorder="1" applyAlignment="1">
      <alignment vertical="center"/>
    </xf>
    <xf numFmtId="177" fontId="0" fillId="0" borderId="12" xfId="0" applyNumberFormat="1" applyFill="1" applyBorder="1" applyAlignment="1">
      <alignment vertical="center"/>
    </xf>
    <xf numFmtId="177" fontId="0" fillId="0" borderId="15" xfId="0" applyNumberFormat="1" applyFill="1" applyBorder="1" applyAlignment="1">
      <alignment vertical="center"/>
    </xf>
    <xf numFmtId="0" fontId="0" fillId="0" borderId="30" xfId="0" applyFont="1" applyBorder="1" applyAlignment="1">
      <alignment horizontal="center" vertical="center"/>
    </xf>
    <xf numFmtId="4" fontId="0" fillId="0" borderId="31" xfId="0" applyNumberFormat="1" applyFill="1" applyBorder="1" applyAlignment="1">
      <alignment vertical="center"/>
    </xf>
    <xf numFmtId="177" fontId="0" fillId="0" borderId="29" xfId="0" applyNumberFormat="1" applyFill="1" applyBorder="1" applyAlignment="1">
      <alignment vertical="center"/>
    </xf>
    <xf numFmtId="177" fontId="0" fillId="0" borderId="32" xfId="0" applyNumberFormat="1" applyFill="1" applyBorder="1" applyAlignment="1">
      <alignment vertical="center"/>
    </xf>
    <xf numFmtId="177" fontId="0" fillId="0" borderId="33" xfId="0" applyNumberFormat="1" applyFill="1" applyBorder="1" applyAlignment="1">
      <alignment vertical="center"/>
    </xf>
    <xf numFmtId="177" fontId="0" fillId="0" borderId="34" xfId="0" applyNumberFormat="1" applyFill="1" applyBorder="1" applyAlignment="1">
      <alignment vertical="center"/>
    </xf>
    <xf numFmtId="38" fontId="0" fillId="0" borderId="19" xfId="0" applyNumberFormat="1" applyFill="1" applyBorder="1" applyAlignment="1">
      <alignment vertical="center"/>
    </xf>
    <xf numFmtId="38" fontId="0" fillId="0" borderId="17" xfId="0" applyNumberFormat="1" applyFill="1" applyBorder="1" applyAlignment="1">
      <alignment vertical="center"/>
    </xf>
    <xf numFmtId="38" fontId="0" fillId="0" borderId="20" xfId="0" applyNumberFormat="1" applyFill="1" applyBorder="1" applyAlignment="1">
      <alignment vertical="center"/>
    </xf>
    <xf numFmtId="38" fontId="0" fillId="0" borderId="9" xfId="0" applyNumberFormat="1" applyFill="1" applyBorder="1" applyAlignment="1">
      <alignment vertical="center"/>
    </xf>
    <xf numFmtId="38" fontId="0" fillId="0" borderId="7" xfId="0" applyNumberFormat="1" applyFill="1" applyBorder="1" applyAlignment="1">
      <alignment vertical="center"/>
    </xf>
    <xf numFmtId="38" fontId="0" fillId="0" borderId="10" xfId="0" applyNumberFormat="1" applyFill="1" applyBorder="1" applyAlignment="1">
      <alignment vertical="center"/>
    </xf>
    <xf numFmtId="38" fontId="0" fillId="0" borderId="14" xfId="0" applyNumberFormat="1" applyFill="1" applyBorder="1" applyAlignment="1">
      <alignment vertical="center"/>
    </xf>
    <xf numFmtId="38" fontId="0" fillId="0" borderId="12" xfId="0" applyNumberFormat="1" applyFill="1" applyBorder="1" applyAlignment="1">
      <alignment vertical="center"/>
    </xf>
    <xf numFmtId="38" fontId="0" fillId="0" borderId="15" xfId="0" applyNumberFormat="1" applyFill="1" applyBorder="1" applyAlignment="1">
      <alignment vertical="center"/>
    </xf>
    <xf numFmtId="38" fontId="0" fillId="0" borderId="19" xfId="0" applyNumberFormat="1" applyFont="1" applyFill="1" applyBorder="1" applyAlignment="1">
      <alignment vertical="center"/>
    </xf>
    <xf numFmtId="38" fontId="0" fillId="0" borderId="17" xfId="0" applyNumberFormat="1" applyFont="1" applyFill="1" applyBorder="1" applyAlignment="1">
      <alignment vertical="center"/>
    </xf>
    <xf numFmtId="38" fontId="0" fillId="0" borderId="20" xfId="0" applyNumberFormat="1" applyFont="1" applyFill="1" applyBorder="1" applyAlignment="1">
      <alignment horizontal="right" vertical="center"/>
    </xf>
    <xf numFmtId="38" fontId="0" fillId="0" borderId="10" xfId="0" applyNumberFormat="1" applyFill="1" applyBorder="1" applyAlignment="1">
      <alignment horizontal="right" vertical="center"/>
    </xf>
    <xf numFmtId="38" fontId="0" fillId="0" borderId="15" xfId="0" applyNumberFormat="1" applyFill="1" applyBorder="1" applyAlignment="1">
      <alignment horizontal="right" vertical="center"/>
    </xf>
    <xf numFmtId="38" fontId="0" fillId="0" borderId="31" xfId="1" applyNumberFormat="1" applyFont="1" applyFill="1" applyBorder="1" applyAlignment="1">
      <alignment vertical="center"/>
    </xf>
    <xf numFmtId="38" fontId="0" fillId="0" borderId="29" xfId="1" applyNumberFormat="1" applyFont="1" applyFill="1" applyBorder="1" applyAlignment="1">
      <alignment vertical="center"/>
    </xf>
    <xf numFmtId="177" fontId="0" fillId="0" borderId="17" xfId="0" applyNumberFormat="1" applyBorder="1" applyAlignment="1">
      <alignment vertical="center"/>
    </xf>
    <xf numFmtId="177" fontId="0" fillId="0" borderId="20" xfId="0" applyNumberFormat="1" applyBorder="1" applyAlignment="1">
      <alignment vertical="center"/>
    </xf>
    <xf numFmtId="38" fontId="0" fillId="0" borderId="9" xfId="1" applyNumberFormat="1" applyFont="1" applyFill="1" applyBorder="1" applyAlignment="1">
      <alignment vertical="center"/>
    </xf>
    <xf numFmtId="38" fontId="0" fillId="0" borderId="7" xfId="1" applyNumberFormat="1" applyFont="1" applyFill="1" applyBorder="1" applyAlignment="1">
      <alignment vertical="center"/>
    </xf>
    <xf numFmtId="177" fontId="0" fillId="0" borderId="7" xfId="0" applyNumberFormat="1" applyBorder="1" applyAlignment="1">
      <alignment vertical="center"/>
    </xf>
    <xf numFmtId="177" fontId="0" fillId="0" borderId="10" xfId="0" applyNumberFormat="1" applyBorder="1" applyAlignment="1">
      <alignment vertical="center"/>
    </xf>
    <xf numFmtId="38" fontId="0" fillId="0" borderId="25" xfId="1" applyNumberFormat="1" applyFont="1" applyFill="1" applyBorder="1" applyAlignment="1">
      <alignment vertical="center"/>
    </xf>
    <xf numFmtId="38" fontId="0" fillId="0" borderId="23" xfId="1" applyNumberFormat="1" applyFont="1" applyFill="1" applyBorder="1" applyAlignment="1">
      <alignment vertical="center"/>
    </xf>
    <xf numFmtId="177" fontId="0" fillId="0" borderId="26" xfId="0" applyNumberFormat="1" applyBorder="1" applyAlignment="1">
      <alignment vertical="center"/>
    </xf>
    <xf numFmtId="38" fontId="0" fillId="0" borderId="19" xfId="1" applyNumberFormat="1" applyFont="1" applyFill="1" applyBorder="1" applyAlignment="1">
      <alignment vertical="center"/>
    </xf>
    <xf numFmtId="38" fontId="0" fillId="0" borderId="17" xfId="1" applyNumberFormat="1" applyFont="1" applyFill="1" applyBorder="1" applyAlignment="1">
      <alignment vertical="center"/>
    </xf>
    <xf numFmtId="0" fontId="0" fillId="0" borderId="42" xfId="0" applyFont="1" applyBorder="1" applyAlignment="1">
      <alignment horizontal="center" vertical="center"/>
    </xf>
    <xf numFmtId="38" fontId="0" fillId="0" borderId="43" xfId="1" applyNumberFormat="1" applyFont="1" applyFill="1" applyBorder="1" applyAlignment="1">
      <alignment vertical="center"/>
    </xf>
    <xf numFmtId="38" fontId="0" fillId="0" borderId="44" xfId="1" applyNumberFormat="1" applyFont="1" applyFill="1" applyBorder="1" applyAlignment="1">
      <alignment vertical="center"/>
    </xf>
    <xf numFmtId="177" fontId="0" fillId="0" borderId="45" xfId="0" applyNumberFormat="1" applyBorder="1" applyAlignment="1">
      <alignment vertical="center"/>
    </xf>
    <xf numFmtId="0" fontId="0" fillId="0" borderId="0" xfId="0" applyAlignment="1">
      <alignment vertical="center"/>
    </xf>
    <xf numFmtId="38" fontId="0" fillId="0" borderId="46" xfId="1" applyNumberFormat="1" applyFont="1" applyFill="1" applyBorder="1" applyAlignment="1">
      <alignment vertical="center"/>
    </xf>
    <xf numFmtId="38" fontId="0" fillId="0" borderId="12" xfId="1" applyNumberFormat="1" applyFont="1" applyFill="1" applyBorder="1" applyAlignment="1">
      <alignment vertical="center"/>
    </xf>
    <xf numFmtId="0" fontId="0" fillId="0" borderId="0" xfId="0" applyFill="1" applyBorder="1"/>
    <xf numFmtId="176" fontId="0" fillId="0" borderId="36" xfId="0" applyNumberFormat="1" applyFill="1" applyBorder="1" applyAlignment="1">
      <alignment horizontal="center" vertical="center"/>
    </xf>
    <xf numFmtId="0" fontId="5" fillId="0" borderId="37" xfId="0" applyFont="1" applyFill="1" applyBorder="1" applyAlignment="1">
      <alignment horizontal="center" vertical="center"/>
    </xf>
    <xf numFmtId="176" fontId="0" fillId="0" borderId="40" xfId="0" applyNumberFormat="1" applyFill="1" applyBorder="1" applyAlignment="1">
      <alignment horizontal="center" vertical="center"/>
    </xf>
    <xf numFmtId="0" fontId="5" fillId="0" borderId="41" xfId="0" applyFont="1" applyFill="1" applyBorder="1" applyAlignment="1">
      <alignment horizontal="center" vertical="center"/>
    </xf>
    <xf numFmtId="0" fontId="0" fillId="0" borderId="0" xfId="0" applyBorder="1" applyAlignment="1">
      <alignment horizontal="left" wrapText="1"/>
    </xf>
    <xf numFmtId="176" fontId="0" fillId="0" borderId="35" xfId="0" applyNumberFormat="1" applyFill="1" applyBorder="1" applyAlignment="1">
      <alignment horizontal="center" vertical="center"/>
    </xf>
    <xf numFmtId="176" fontId="0" fillId="0" borderId="38" xfId="0" applyNumberFormat="1" applyFill="1" applyBorder="1" applyAlignment="1">
      <alignment horizontal="center" vertical="center"/>
    </xf>
    <xf numFmtId="0" fontId="5" fillId="0" borderId="33" xfId="0" applyFont="1" applyFill="1" applyBorder="1" applyAlignment="1">
      <alignment horizontal="center" vertical="center"/>
    </xf>
    <xf numFmtId="0" fontId="5" fillId="0" borderId="39" xfId="0" applyFont="1" applyFill="1" applyBorder="1" applyAlignment="1">
      <alignment horizontal="center" vertical="center"/>
    </xf>
    <xf numFmtId="176" fontId="0" fillId="0" borderId="28" xfId="0" applyNumberFormat="1" applyFill="1" applyBorder="1" applyAlignment="1">
      <alignment horizontal="center" vertical="center"/>
    </xf>
    <xf numFmtId="176" fontId="0" fillId="0" borderId="6" xfId="0" applyNumberFormat="1" applyFill="1" applyBorder="1" applyAlignment="1">
      <alignment horizontal="center" vertical="center"/>
    </xf>
    <xf numFmtId="176" fontId="0" fillId="0" borderId="22" xfId="0" applyNumberFormat="1" applyFill="1" applyBorder="1" applyAlignment="1">
      <alignment horizontal="center" vertical="center"/>
    </xf>
    <xf numFmtId="0" fontId="5" fillId="0" borderId="29"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23" xfId="0" applyFont="1" applyFill="1" applyBorder="1" applyAlignment="1">
      <alignment horizontal="center" vertical="center"/>
    </xf>
    <xf numFmtId="176" fontId="0" fillId="0" borderId="16" xfId="0" applyNumberFormat="1" applyFill="1" applyBorder="1" applyAlignment="1">
      <alignment horizontal="center" vertical="center"/>
    </xf>
    <xf numFmtId="176" fontId="0" fillId="0" borderId="11" xfId="0" applyNumberFormat="1" applyFill="1" applyBorder="1" applyAlignment="1">
      <alignment horizontal="center" vertical="center"/>
    </xf>
    <xf numFmtId="0" fontId="5" fillId="0" borderId="17" xfId="0" applyFont="1" applyFill="1" applyBorder="1" applyAlignment="1">
      <alignment horizontal="center" vertical="center"/>
    </xf>
    <xf numFmtId="0" fontId="5" fillId="0" borderId="12" xfId="0" applyFont="1" applyFill="1" applyBorder="1" applyAlignment="1">
      <alignment horizontal="center" vertical="center"/>
    </xf>
    <xf numFmtId="0" fontId="0" fillId="0" borderId="0" xfId="0" applyAlignment="1">
      <alignment horizontal="left" vertical="center" wrapText="1"/>
    </xf>
    <xf numFmtId="0" fontId="0" fillId="0" borderId="0" xfId="0" applyBorder="1" applyAlignment="1">
      <alignment horizontal="right"/>
    </xf>
    <xf numFmtId="0" fontId="0" fillId="0" borderId="1"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1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7"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3" xfId="0" applyFont="1" applyFill="1" applyBorder="1" applyAlignment="1">
      <alignment horizontal="center" vertical="center"/>
    </xf>
    <xf numFmtId="0" fontId="0" fillId="0" borderId="8" xfId="0" applyFont="1" applyFill="1" applyBorder="1" applyAlignment="1">
      <alignment horizontal="center" vertical="center"/>
    </xf>
    <xf numFmtId="0" fontId="0" fillId="0" borderId="13" xfId="0" applyFont="1" applyFill="1" applyBorder="1" applyAlignment="1">
      <alignment horizontal="center" vertical="center"/>
    </xf>
    <xf numFmtId="0" fontId="0" fillId="0" borderId="4" xfId="0" applyBorder="1" applyAlignment="1">
      <alignment horizontal="center" vertical="center"/>
    </xf>
    <xf numFmtId="0" fontId="0" fillId="0" borderId="2" xfId="0" applyBorder="1" applyAlignment="1">
      <alignment horizontal="center" vertical="center"/>
    </xf>
    <xf numFmtId="0" fontId="0" fillId="0" borderId="5" xfId="0" applyBorder="1" applyAlignment="1">
      <alignment horizontal="center" vertical="center"/>
    </xf>
    <xf numFmtId="0" fontId="0" fillId="0" borderId="9" xfId="0" applyBorder="1" applyAlignment="1">
      <alignment horizontal="center" vertical="center"/>
    </xf>
    <xf numFmtId="0" fontId="0" fillId="0" borderId="7" xfId="0" applyBorder="1" applyAlignment="1">
      <alignment horizontal="center" vertical="center"/>
    </xf>
    <xf numFmtId="0" fontId="0" fillId="0" borderId="10" xfId="0" applyBorder="1" applyAlignment="1">
      <alignment horizontal="center" vertical="center" wrapText="1"/>
    </xf>
    <xf numFmtId="0" fontId="0" fillId="0" borderId="15" xfId="0"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K68"/>
  <sheetViews>
    <sheetView tabSelected="1" view="pageBreakPreview" zoomScale="115" zoomScaleNormal="100" zoomScaleSheetLayoutView="115" workbookViewId="0">
      <pane ySplit="7" topLeftCell="A50" activePane="bottomLeft" state="frozen"/>
      <selection activeCell="J12" sqref="J12"/>
      <selection pane="bottomLeft" activeCell="H62" sqref="H62"/>
    </sheetView>
  </sheetViews>
  <sheetFormatPr defaultRowHeight="13.2" x14ac:dyDescent="0.2"/>
  <cols>
    <col min="1" max="2" width="8.109375" customWidth="1"/>
    <col min="3" max="3" width="9" customWidth="1"/>
    <col min="4" max="8" width="13.109375" customWidth="1"/>
  </cols>
  <sheetData>
    <row r="1" spans="1:8" ht="19.2" x14ac:dyDescent="0.25">
      <c r="A1" s="1" t="s">
        <v>0</v>
      </c>
    </row>
    <row r="2" spans="1:8" ht="18.75" customHeight="1" x14ac:dyDescent="0.25">
      <c r="A2" s="1"/>
      <c r="B2" s="84" t="s">
        <v>1</v>
      </c>
      <c r="C2" s="84"/>
      <c r="D2" s="84"/>
      <c r="E2" s="84"/>
      <c r="F2" s="84"/>
      <c r="G2" s="84"/>
      <c r="H2" s="84"/>
    </row>
    <row r="3" spans="1:8" ht="19.2" x14ac:dyDescent="0.25">
      <c r="A3" s="1"/>
      <c r="B3" s="84"/>
      <c r="C3" s="84"/>
      <c r="D3" s="84"/>
      <c r="E3" s="84"/>
      <c r="F3" s="84"/>
      <c r="G3" s="84"/>
      <c r="H3" s="84"/>
    </row>
    <row r="4" spans="1:8" ht="19.5" customHeight="1" thickBot="1" x14ac:dyDescent="0.25">
      <c r="E4" s="85" t="s">
        <v>2</v>
      </c>
      <c r="F4" s="85"/>
      <c r="G4" s="85"/>
      <c r="H4" s="85"/>
    </row>
    <row r="5" spans="1:8" ht="19.5" customHeight="1" x14ac:dyDescent="0.2">
      <c r="A5" s="86" t="s">
        <v>3</v>
      </c>
      <c r="B5" s="89" t="s">
        <v>4</v>
      </c>
      <c r="C5" s="92" t="s">
        <v>5</v>
      </c>
      <c r="D5" s="95" t="s">
        <v>6</v>
      </c>
      <c r="E5" s="96"/>
      <c r="F5" s="96"/>
      <c r="G5" s="96"/>
      <c r="H5" s="97"/>
    </row>
    <row r="6" spans="1:8" ht="19.5" customHeight="1" x14ac:dyDescent="0.2">
      <c r="A6" s="87"/>
      <c r="B6" s="90"/>
      <c r="C6" s="93"/>
      <c r="D6" s="98" t="s">
        <v>7</v>
      </c>
      <c r="E6" s="99"/>
      <c r="F6" s="99"/>
      <c r="G6" s="99"/>
      <c r="H6" s="100" t="s">
        <v>8</v>
      </c>
    </row>
    <row r="7" spans="1:8" ht="19.5" customHeight="1" x14ac:dyDescent="0.2">
      <c r="A7" s="88"/>
      <c r="B7" s="91"/>
      <c r="C7" s="94"/>
      <c r="D7" s="2" t="s">
        <v>9</v>
      </c>
      <c r="E7" s="3" t="s">
        <v>10</v>
      </c>
      <c r="F7" s="3" t="s">
        <v>11</v>
      </c>
      <c r="G7" s="3" t="s">
        <v>12</v>
      </c>
      <c r="H7" s="101"/>
    </row>
    <row r="8" spans="1:8" s="9" customFormat="1" ht="19.5" customHeight="1" x14ac:dyDescent="0.2">
      <c r="A8" s="80">
        <v>1985</v>
      </c>
      <c r="B8" s="82" t="s">
        <v>13</v>
      </c>
      <c r="C8" s="4" t="s">
        <v>14</v>
      </c>
      <c r="D8" s="5">
        <f>E8+F8+G8</f>
        <v>2971.95</v>
      </c>
      <c r="E8" s="6">
        <v>2163.5</v>
      </c>
      <c r="F8" s="6">
        <v>808.45</v>
      </c>
      <c r="G8" s="7">
        <v>0</v>
      </c>
      <c r="H8" s="8">
        <v>13.1</v>
      </c>
    </row>
    <row r="9" spans="1:8" s="9" customFormat="1" ht="19.5" customHeight="1" x14ac:dyDescent="0.2">
      <c r="A9" s="75"/>
      <c r="B9" s="78"/>
      <c r="C9" s="10" t="s">
        <v>15</v>
      </c>
      <c r="D9" s="11">
        <v>1555.7</v>
      </c>
      <c r="E9" s="12">
        <v>861.72</v>
      </c>
      <c r="F9" s="12">
        <v>693.78</v>
      </c>
      <c r="G9" s="13">
        <v>0.2</v>
      </c>
      <c r="H9" s="14">
        <v>88.2</v>
      </c>
    </row>
    <row r="10" spans="1:8" s="9" customFormat="1" ht="19.5" customHeight="1" x14ac:dyDescent="0.2">
      <c r="A10" s="76"/>
      <c r="B10" s="79"/>
      <c r="C10" s="15" t="s">
        <v>16</v>
      </c>
      <c r="D10" s="16">
        <v>542.96</v>
      </c>
      <c r="E10" s="17">
        <v>424.15</v>
      </c>
      <c r="F10" s="17">
        <v>96.96</v>
      </c>
      <c r="G10" s="18">
        <v>21.85</v>
      </c>
      <c r="H10" s="19">
        <v>12.05</v>
      </c>
    </row>
    <row r="11" spans="1:8" s="9" customFormat="1" ht="19.5" customHeight="1" x14ac:dyDescent="0.2">
      <c r="A11" s="80">
        <v>1988</v>
      </c>
      <c r="B11" s="82" t="s">
        <v>17</v>
      </c>
      <c r="C11" s="4" t="s">
        <v>14</v>
      </c>
      <c r="D11" s="5">
        <f>E11+F11+G11</f>
        <v>3077.7299999999996</v>
      </c>
      <c r="E11" s="6">
        <v>2040.07</v>
      </c>
      <c r="F11" s="6">
        <v>1037.46</v>
      </c>
      <c r="G11" s="6">
        <v>0.2</v>
      </c>
      <c r="H11" s="8">
        <v>8.1199999999999992</v>
      </c>
    </row>
    <row r="12" spans="1:8" s="9" customFormat="1" ht="19.5" customHeight="1" x14ac:dyDescent="0.2">
      <c r="A12" s="75"/>
      <c r="B12" s="78"/>
      <c r="C12" s="10" t="s">
        <v>15</v>
      </c>
      <c r="D12" s="11">
        <f>E12+F12+G12</f>
        <v>1517.78</v>
      </c>
      <c r="E12" s="12">
        <v>868.7</v>
      </c>
      <c r="F12" s="12">
        <v>648.88</v>
      </c>
      <c r="G12" s="12">
        <v>0.2</v>
      </c>
      <c r="H12" s="14">
        <v>23.7</v>
      </c>
    </row>
    <row r="13" spans="1:8" s="9" customFormat="1" ht="19.5" customHeight="1" x14ac:dyDescent="0.2">
      <c r="A13" s="81"/>
      <c r="B13" s="83"/>
      <c r="C13" s="20" t="s">
        <v>16</v>
      </c>
      <c r="D13" s="21">
        <f>E13+F13+G13</f>
        <v>533.06000000000006</v>
      </c>
      <c r="E13" s="22">
        <v>428.79</v>
      </c>
      <c r="F13" s="22">
        <v>82.57</v>
      </c>
      <c r="G13" s="22">
        <v>21.7</v>
      </c>
      <c r="H13" s="23">
        <v>13.7</v>
      </c>
    </row>
    <row r="14" spans="1:8" s="9" customFormat="1" ht="19.5" customHeight="1" x14ac:dyDescent="0.2">
      <c r="A14" s="74">
        <v>1989</v>
      </c>
      <c r="B14" s="77" t="s">
        <v>18</v>
      </c>
      <c r="C14" s="24" t="s">
        <v>14</v>
      </c>
      <c r="D14" s="25">
        <f>E14+F14+G14</f>
        <v>3066.1899999999996</v>
      </c>
      <c r="E14" s="26">
        <v>2030.17</v>
      </c>
      <c r="F14" s="26">
        <v>1035.82</v>
      </c>
      <c r="G14" s="26">
        <v>0.2</v>
      </c>
      <c r="H14" s="27">
        <v>0</v>
      </c>
    </row>
    <row r="15" spans="1:8" s="9" customFormat="1" ht="19.5" customHeight="1" x14ac:dyDescent="0.2">
      <c r="A15" s="75"/>
      <c r="B15" s="78"/>
      <c r="C15" s="10" t="s">
        <v>15</v>
      </c>
      <c r="D15" s="11">
        <v>1467.51</v>
      </c>
      <c r="E15" s="12">
        <v>782.1</v>
      </c>
      <c r="F15" s="12">
        <v>685.21</v>
      </c>
      <c r="G15" s="12">
        <v>0.2</v>
      </c>
      <c r="H15" s="14">
        <v>0</v>
      </c>
    </row>
    <row r="16" spans="1:8" s="9" customFormat="1" ht="19.5" customHeight="1" x14ac:dyDescent="0.2">
      <c r="A16" s="76"/>
      <c r="B16" s="79"/>
      <c r="C16" s="15" t="s">
        <v>16</v>
      </c>
      <c r="D16" s="16">
        <v>527.69000000000005</v>
      </c>
      <c r="E16" s="17">
        <v>426.84</v>
      </c>
      <c r="F16" s="17">
        <v>79.45</v>
      </c>
      <c r="G16" s="17">
        <v>21.4</v>
      </c>
      <c r="H16" s="19">
        <v>0</v>
      </c>
    </row>
    <row r="17" spans="1:8" s="9" customFormat="1" ht="19.5" customHeight="1" x14ac:dyDescent="0.2">
      <c r="A17" s="80">
        <v>1990</v>
      </c>
      <c r="B17" s="82" t="s">
        <v>19</v>
      </c>
      <c r="C17" s="4" t="s">
        <v>14</v>
      </c>
      <c r="D17" s="5">
        <f>E17+F17+G17</f>
        <v>2962.2299999999996</v>
      </c>
      <c r="E17" s="6">
        <v>1945.01</v>
      </c>
      <c r="F17" s="6">
        <v>1017.02</v>
      </c>
      <c r="G17" s="6">
        <v>0.2</v>
      </c>
      <c r="H17" s="8">
        <v>0</v>
      </c>
    </row>
    <row r="18" spans="1:8" s="9" customFormat="1" ht="19.5" customHeight="1" x14ac:dyDescent="0.2">
      <c r="A18" s="75"/>
      <c r="B18" s="78"/>
      <c r="C18" s="10" t="s">
        <v>15</v>
      </c>
      <c r="D18" s="11">
        <v>1450.81</v>
      </c>
      <c r="E18" s="12">
        <v>773.37</v>
      </c>
      <c r="F18" s="12">
        <v>677.24</v>
      </c>
      <c r="G18" s="12">
        <v>0.2</v>
      </c>
      <c r="H18" s="14">
        <v>0</v>
      </c>
    </row>
    <row r="19" spans="1:8" s="9" customFormat="1" ht="19.5" customHeight="1" x14ac:dyDescent="0.2">
      <c r="A19" s="81"/>
      <c r="B19" s="83"/>
      <c r="C19" s="20" t="s">
        <v>16</v>
      </c>
      <c r="D19" s="21">
        <v>502.84</v>
      </c>
      <c r="E19" s="22">
        <v>409.6</v>
      </c>
      <c r="F19" s="22">
        <v>71.84</v>
      </c>
      <c r="G19" s="22">
        <v>21.4</v>
      </c>
      <c r="H19" s="23">
        <v>0</v>
      </c>
    </row>
    <row r="20" spans="1:8" s="9" customFormat="1" ht="19.5" customHeight="1" x14ac:dyDescent="0.2">
      <c r="A20" s="74">
        <v>1991</v>
      </c>
      <c r="B20" s="77" t="s">
        <v>20</v>
      </c>
      <c r="C20" s="24" t="s">
        <v>14</v>
      </c>
      <c r="D20" s="25">
        <f>E20+F20+G20</f>
        <v>2881.5699999999997</v>
      </c>
      <c r="E20" s="26">
        <v>1890.85</v>
      </c>
      <c r="F20" s="26">
        <v>990.52</v>
      </c>
      <c r="G20" s="26">
        <v>0.2</v>
      </c>
      <c r="H20" s="27">
        <v>0</v>
      </c>
    </row>
    <row r="21" spans="1:8" s="9" customFormat="1" ht="19.5" customHeight="1" x14ac:dyDescent="0.2">
      <c r="A21" s="75"/>
      <c r="B21" s="78"/>
      <c r="C21" s="10" t="s">
        <v>15</v>
      </c>
      <c r="D21" s="11">
        <v>1437.95</v>
      </c>
      <c r="E21" s="12">
        <v>772.77</v>
      </c>
      <c r="F21" s="12">
        <v>664.48</v>
      </c>
      <c r="G21" s="12">
        <v>0.7</v>
      </c>
      <c r="H21" s="14">
        <v>0</v>
      </c>
    </row>
    <row r="22" spans="1:8" s="9" customFormat="1" ht="19.5" customHeight="1" x14ac:dyDescent="0.2">
      <c r="A22" s="76"/>
      <c r="B22" s="79"/>
      <c r="C22" s="15" t="s">
        <v>16</v>
      </c>
      <c r="D22" s="16">
        <v>496.55</v>
      </c>
      <c r="E22" s="17">
        <v>384.98</v>
      </c>
      <c r="F22" s="17">
        <v>90.27</v>
      </c>
      <c r="G22" s="17">
        <v>21.3</v>
      </c>
      <c r="H22" s="19">
        <v>0</v>
      </c>
    </row>
    <row r="23" spans="1:8" s="9" customFormat="1" ht="19.5" customHeight="1" x14ac:dyDescent="0.2">
      <c r="A23" s="80">
        <v>1992</v>
      </c>
      <c r="B23" s="82" t="s">
        <v>21</v>
      </c>
      <c r="C23" s="4" t="s">
        <v>14</v>
      </c>
      <c r="D23" s="5">
        <v>2827.47</v>
      </c>
      <c r="E23" s="6">
        <v>1841.35</v>
      </c>
      <c r="F23" s="6">
        <v>985.12</v>
      </c>
      <c r="G23" s="6">
        <v>0</v>
      </c>
      <c r="H23" s="8">
        <v>0</v>
      </c>
    </row>
    <row r="24" spans="1:8" s="9" customFormat="1" ht="19.5" customHeight="1" x14ac:dyDescent="0.2">
      <c r="A24" s="75"/>
      <c r="B24" s="78"/>
      <c r="C24" s="10" t="s">
        <v>15</v>
      </c>
      <c r="D24" s="11">
        <v>1367.04</v>
      </c>
      <c r="E24" s="12">
        <v>773.65</v>
      </c>
      <c r="F24" s="12">
        <v>592.39</v>
      </c>
      <c r="G24" s="12">
        <v>1</v>
      </c>
      <c r="H24" s="14">
        <v>0</v>
      </c>
    </row>
    <row r="25" spans="1:8" s="9" customFormat="1" ht="19.5" customHeight="1" x14ac:dyDescent="0.2">
      <c r="A25" s="81"/>
      <c r="B25" s="83"/>
      <c r="C25" s="20" t="s">
        <v>16</v>
      </c>
      <c r="D25" s="21">
        <v>493.48</v>
      </c>
      <c r="E25" s="22">
        <v>399.91</v>
      </c>
      <c r="F25" s="22">
        <v>72.42</v>
      </c>
      <c r="G25" s="22">
        <v>21.15</v>
      </c>
      <c r="H25" s="23">
        <v>0</v>
      </c>
    </row>
    <row r="26" spans="1:8" s="9" customFormat="1" ht="19.5" customHeight="1" x14ac:dyDescent="0.2">
      <c r="A26" s="74">
        <v>1993</v>
      </c>
      <c r="B26" s="77" t="s">
        <v>22</v>
      </c>
      <c r="C26" s="24" t="s">
        <v>14</v>
      </c>
      <c r="D26" s="25">
        <f>E26+F26+G26</f>
        <v>2788.67</v>
      </c>
      <c r="E26" s="26">
        <v>1817.66</v>
      </c>
      <c r="F26" s="26">
        <v>970.91</v>
      </c>
      <c r="G26" s="26">
        <v>0.1</v>
      </c>
      <c r="H26" s="27">
        <v>85.52</v>
      </c>
    </row>
    <row r="27" spans="1:8" s="9" customFormat="1" ht="19.5" customHeight="1" x14ac:dyDescent="0.2">
      <c r="A27" s="75"/>
      <c r="B27" s="78"/>
      <c r="C27" s="10" t="s">
        <v>15</v>
      </c>
      <c r="D27" s="11">
        <v>1350.31</v>
      </c>
      <c r="E27" s="12">
        <v>790.17</v>
      </c>
      <c r="F27" s="12">
        <v>559.54</v>
      </c>
      <c r="G27" s="12">
        <v>0.6</v>
      </c>
      <c r="H27" s="14">
        <v>0</v>
      </c>
    </row>
    <row r="28" spans="1:8" s="9" customFormat="1" ht="19.5" customHeight="1" x14ac:dyDescent="0.2">
      <c r="A28" s="76"/>
      <c r="B28" s="79"/>
      <c r="C28" s="15" t="s">
        <v>16</v>
      </c>
      <c r="D28" s="16">
        <v>485.73</v>
      </c>
      <c r="E28" s="17">
        <v>404.31</v>
      </c>
      <c r="F28" s="17">
        <v>60.44</v>
      </c>
      <c r="G28" s="17">
        <v>20.98</v>
      </c>
      <c r="H28" s="19">
        <v>0</v>
      </c>
    </row>
    <row r="29" spans="1:8" s="9" customFormat="1" ht="19.5" customHeight="1" x14ac:dyDescent="0.2">
      <c r="A29" s="80">
        <v>1994</v>
      </c>
      <c r="B29" s="82" t="s">
        <v>23</v>
      </c>
      <c r="C29" s="4" t="s">
        <v>14</v>
      </c>
      <c r="D29" s="5">
        <f>E29+F29+G29</f>
        <v>2742.1299999999997</v>
      </c>
      <c r="E29" s="6">
        <v>1802.74</v>
      </c>
      <c r="F29" s="6">
        <v>939.29</v>
      </c>
      <c r="G29" s="6">
        <v>0.1</v>
      </c>
      <c r="H29" s="8">
        <v>0</v>
      </c>
    </row>
    <row r="30" spans="1:8" s="9" customFormat="1" ht="19.5" customHeight="1" x14ac:dyDescent="0.2">
      <c r="A30" s="75"/>
      <c r="B30" s="78"/>
      <c r="C30" s="10" t="s">
        <v>15</v>
      </c>
      <c r="D30" s="11">
        <v>1613.45</v>
      </c>
      <c r="E30" s="12">
        <v>789.12</v>
      </c>
      <c r="F30" s="12">
        <v>823.73</v>
      </c>
      <c r="G30" s="12">
        <v>0.6</v>
      </c>
      <c r="H30" s="14">
        <v>0</v>
      </c>
    </row>
    <row r="31" spans="1:8" s="9" customFormat="1" ht="19.5" customHeight="1" x14ac:dyDescent="0.2">
      <c r="A31" s="81"/>
      <c r="B31" s="83"/>
      <c r="C31" s="20" t="s">
        <v>16</v>
      </c>
      <c r="D31" s="21">
        <v>493.99</v>
      </c>
      <c r="E31" s="22">
        <v>415.04</v>
      </c>
      <c r="F31" s="22">
        <v>58.05</v>
      </c>
      <c r="G31" s="22">
        <v>20.9</v>
      </c>
      <c r="H31" s="23">
        <v>0</v>
      </c>
    </row>
    <row r="32" spans="1:8" s="9" customFormat="1" ht="19.5" customHeight="1" x14ac:dyDescent="0.2">
      <c r="A32" s="74">
        <v>1995</v>
      </c>
      <c r="B32" s="77" t="s">
        <v>24</v>
      </c>
      <c r="C32" s="24" t="s">
        <v>14</v>
      </c>
      <c r="D32" s="25">
        <f>E32+F32+G32</f>
        <v>2855.6099999999997</v>
      </c>
      <c r="E32" s="26">
        <v>1798.6</v>
      </c>
      <c r="F32" s="26">
        <v>1055.8699999999999</v>
      </c>
      <c r="G32" s="26">
        <v>1.1399999999999999</v>
      </c>
      <c r="H32" s="27">
        <v>0</v>
      </c>
    </row>
    <row r="33" spans="1:8" s="9" customFormat="1" ht="19.5" customHeight="1" x14ac:dyDescent="0.2">
      <c r="A33" s="75"/>
      <c r="B33" s="78"/>
      <c r="C33" s="10" t="s">
        <v>15</v>
      </c>
      <c r="D33" s="11">
        <v>1614.66</v>
      </c>
      <c r="E33" s="12">
        <v>776.87</v>
      </c>
      <c r="F33" s="12">
        <v>837.49</v>
      </c>
      <c r="G33" s="12">
        <v>0.3</v>
      </c>
      <c r="H33" s="14">
        <v>0</v>
      </c>
    </row>
    <row r="34" spans="1:8" s="9" customFormat="1" ht="19.5" customHeight="1" x14ac:dyDescent="0.2">
      <c r="A34" s="76"/>
      <c r="B34" s="79"/>
      <c r="C34" s="15" t="s">
        <v>16</v>
      </c>
      <c r="D34" s="16">
        <v>504.78</v>
      </c>
      <c r="E34" s="17">
        <v>419.46</v>
      </c>
      <c r="F34" s="17">
        <v>64.42</v>
      </c>
      <c r="G34" s="17">
        <v>20.9</v>
      </c>
      <c r="H34" s="19">
        <v>0</v>
      </c>
    </row>
    <row r="35" spans="1:8" s="9" customFormat="1" ht="19.5" customHeight="1" x14ac:dyDescent="0.2">
      <c r="A35" s="80">
        <v>1996</v>
      </c>
      <c r="B35" s="82" t="s">
        <v>25</v>
      </c>
      <c r="C35" s="4" t="s">
        <v>26</v>
      </c>
      <c r="D35" s="5">
        <f>E35+F35+G35</f>
        <v>2661.37</v>
      </c>
      <c r="E35" s="6">
        <v>1755.18</v>
      </c>
      <c r="F35" s="6">
        <v>906.09</v>
      </c>
      <c r="G35" s="6">
        <v>0.1</v>
      </c>
      <c r="H35" s="8">
        <v>0</v>
      </c>
    </row>
    <row r="36" spans="1:8" s="9" customFormat="1" ht="19.5" customHeight="1" x14ac:dyDescent="0.2">
      <c r="A36" s="75"/>
      <c r="B36" s="78"/>
      <c r="C36" s="10" t="s">
        <v>15</v>
      </c>
      <c r="D36" s="11">
        <v>1585.03</v>
      </c>
      <c r="E36" s="12">
        <v>796.5</v>
      </c>
      <c r="F36" s="12">
        <v>788.33</v>
      </c>
      <c r="G36" s="12">
        <v>0.2</v>
      </c>
      <c r="H36" s="14">
        <v>0</v>
      </c>
    </row>
    <row r="37" spans="1:8" s="9" customFormat="1" ht="19.5" customHeight="1" x14ac:dyDescent="0.2">
      <c r="A37" s="81"/>
      <c r="B37" s="83"/>
      <c r="C37" s="20" t="s">
        <v>16</v>
      </c>
      <c r="D37" s="21">
        <v>511.58</v>
      </c>
      <c r="E37" s="22">
        <v>422.46</v>
      </c>
      <c r="F37" s="22">
        <v>66.819999999999993</v>
      </c>
      <c r="G37" s="22">
        <v>22.3</v>
      </c>
      <c r="H37" s="23">
        <v>0</v>
      </c>
    </row>
    <row r="38" spans="1:8" s="9" customFormat="1" ht="19.5" customHeight="1" x14ac:dyDescent="0.2">
      <c r="A38" s="74">
        <v>1997</v>
      </c>
      <c r="B38" s="77" t="s">
        <v>27</v>
      </c>
      <c r="C38" s="24" t="s">
        <v>26</v>
      </c>
      <c r="D38" s="25">
        <v>2678.84</v>
      </c>
      <c r="E38" s="26">
        <v>1771.33</v>
      </c>
      <c r="F38" s="26">
        <v>907.41</v>
      </c>
      <c r="G38" s="26">
        <v>0.1</v>
      </c>
      <c r="H38" s="27">
        <v>0</v>
      </c>
    </row>
    <row r="39" spans="1:8" s="9" customFormat="1" ht="19.5" customHeight="1" x14ac:dyDescent="0.2">
      <c r="A39" s="75"/>
      <c r="B39" s="78"/>
      <c r="C39" s="10" t="s">
        <v>15</v>
      </c>
      <c r="D39" s="11">
        <v>1316.21</v>
      </c>
      <c r="E39" s="12">
        <v>790.66</v>
      </c>
      <c r="F39" s="12">
        <v>525.35</v>
      </c>
      <c r="G39" s="12">
        <v>0.2</v>
      </c>
      <c r="H39" s="14">
        <v>0</v>
      </c>
    </row>
    <row r="40" spans="1:8" s="9" customFormat="1" ht="19.5" customHeight="1" x14ac:dyDescent="0.2">
      <c r="A40" s="76"/>
      <c r="B40" s="79"/>
      <c r="C40" s="15" t="s">
        <v>16</v>
      </c>
      <c r="D40" s="16">
        <v>505.43</v>
      </c>
      <c r="E40" s="17">
        <v>416.8</v>
      </c>
      <c r="F40" s="17">
        <v>66.58</v>
      </c>
      <c r="G40" s="17">
        <v>22.05</v>
      </c>
      <c r="H40" s="19">
        <v>0</v>
      </c>
    </row>
    <row r="41" spans="1:8" s="9" customFormat="1" ht="19.5" customHeight="1" x14ac:dyDescent="0.2">
      <c r="A41" s="80">
        <v>1998</v>
      </c>
      <c r="B41" s="82" t="s">
        <v>28</v>
      </c>
      <c r="C41" s="4" t="s">
        <v>26</v>
      </c>
      <c r="D41" s="5">
        <v>2561.15</v>
      </c>
      <c r="E41" s="6">
        <v>1671.64</v>
      </c>
      <c r="F41" s="28">
        <v>889.36</v>
      </c>
      <c r="G41" s="28">
        <v>0.15</v>
      </c>
      <c r="H41" s="29">
        <v>24.97</v>
      </c>
    </row>
    <row r="42" spans="1:8" s="9" customFormat="1" ht="19.5" customHeight="1" x14ac:dyDescent="0.2">
      <c r="A42" s="75"/>
      <c r="B42" s="78"/>
      <c r="C42" s="10" t="s">
        <v>15</v>
      </c>
      <c r="D42" s="11">
        <v>1338.07</v>
      </c>
      <c r="E42" s="12">
        <v>782.95</v>
      </c>
      <c r="F42" s="12">
        <v>554.62</v>
      </c>
      <c r="G42" s="12">
        <v>0</v>
      </c>
      <c r="H42" s="14">
        <v>78.459999999999994</v>
      </c>
    </row>
    <row r="43" spans="1:8" s="9" customFormat="1" ht="19.5" customHeight="1" x14ac:dyDescent="0.2">
      <c r="A43" s="81"/>
      <c r="B43" s="83"/>
      <c r="C43" s="20" t="s">
        <v>16</v>
      </c>
      <c r="D43" s="21">
        <v>482.2</v>
      </c>
      <c r="E43" s="22">
        <v>405.83</v>
      </c>
      <c r="F43" s="22">
        <v>55.33</v>
      </c>
      <c r="G43" s="22">
        <v>21.04</v>
      </c>
      <c r="H43" s="23">
        <v>2.1800000000000002</v>
      </c>
    </row>
    <row r="44" spans="1:8" s="9" customFormat="1" ht="19.5" customHeight="1" x14ac:dyDescent="0.2">
      <c r="A44" s="74">
        <v>1999</v>
      </c>
      <c r="B44" s="77" t="s">
        <v>29</v>
      </c>
      <c r="C44" s="24" t="s">
        <v>26</v>
      </c>
      <c r="D44" s="25">
        <v>2575.44</v>
      </c>
      <c r="E44" s="26">
        <v>1680.83</v>
      </c>
      <c r="F44" s="26">
        <v>894.46</v>
      </c>
      <c r="G44" s="26">
        <v>0.15</v>
      </c>
      <c r="H44" s="27">
        <v>0</v>
      </c>
    </row>
    <row r="45" spans="1:8" s="9" customFormat="1" ht="19.5" customHeight="1" x14ac:dyDescent="0.2">
      <c r="A45" s="75"/>
      <c r="B45" s="78"/>
      <c r="C45" s="10" t="s">
        <v>15</v>
      </c>
      <c r="D45" s="11">
        <v>1290.92</v>
      </c>
      <c r="E45" s="12">
        <v>794.92</v>
      </c>
      <c r="F45" s="12">
        <v>495.6</v>
      </c>
      <c r="G45" s="12">
        <v>0.4</v>
      </c>
      <c r="H45" s="14">
        <v>0</v>
      </c>
    </row>
    <row r="46" spans="1:8" s="9" customFormat="1" ht="19.5" customHeight="1" x14ac:dyDescent="0.2">
      <c r="A46" s="76"/>
      <c r="B46" s="79"/>
      <c r="C46" s="15" t="s">
        <v>16</v>
      </c>
      <c r="D46" s="16">
        <v>474.19</v>
      </c>
      <c r="E46" s="17">
        <v>395.36</v>
      </c>
      <c r="F46" s="17">
        <v>57.93</v>
      </c>
      <c r="G46" s="17">
        <v>20.9</v>
      </c>
      <c r="H46" s="19">
        <v>0</v>
      </c>
    </row>
    <row r="47" spans="1:8" s="9" customFormat="1" ht="19.5" customHeight="1" x14ac:dyDescent="0.2">
      <c r="A47" s="70">
        <v>2000</v>
      </c>
      <c r="B47" s="72" t="s">
        <v>30</v>
      </c>
      <c r="C47" s="4" t="s">
        <v>26</v>
      </c>
      <c r="D47" s="30">
        <v>2496</v>
      </c>
      <c r="E47" s="31">
        <v>1657</v>
      </c>
      <c r="F47" s="31">
        <v>839</v>
      </c>
      <c r="G47" s="7">
        <v>0</v>
      </c>
      <c r="H47" s="32">
        <v>9</v>
      </c>
    </row>
    <row r="48" spans="1:8" s="9" customFormat="1" ht="19.5" customHeight="1" x14ac:dyDescent="0.2">
      <c r="A48" s="65"/>
      <c r="B48" s="66"/>
      <c r="C48" s="10" t="s">
        <v>15</v>
      </c>
      <c r="D48" s="33">
        <v>1315</v>
      </c>
      <c r="E48" s="34">
        <v>702</v>
      </c>
      <c r="F48" s="34">
        <v>613</v>
      </c>
      <c r="G48" s="34">
        <v>1</v>
      </c>
      <c r="H48" s="35">
        <v>33</v>
      </c>
    </row>
    <row r="49" spans="1:11" s="9" customFormat="1" ht="19.5" customHeight="1" x14ac:dyDescent="0.2">
      <c r="A49" s="71"/>
      <c r="B49" s="73"/>
      <c r="C49" s="20" t="s">
        <v>16</v>
      </c>
      <c r="D49" s="36">
        <v>469</v>
      </c>
      <c r="E49" s="37">
        <v>410</v>
      </c>
      <c r="F49" s="37">
        <v>42</v>
      </c>
      <c r="G49" s="37">
        <v>16</v>
      </c>
      <c r="H49" s="38">
        <v>1</v>
      </c>
    </row>
    <row r="50" spans="1:11" s="9" customFormat="1" ht="19.5" customHeight="1" x14ac:dyDescent="0.2">
      <c r="A50" s="70">
        <v>2005</v>
      </c>
      <c r="B50" s="72" t="s">
        <v>31</v>
      </c>
      <c r="C50" s="4" t="s">
        <v>26</v>
      </c>
      <c r="D50" s="39">
        <v>2501</v>
      </c>
      <c r="E50" s="40">
        <v>1728</v>
      </c>
      <c r="F50" s="40">
        <v>773</v>
      </c>
      <c r="G50" s="40">
        <v>0</v>
      </c>
      <c r="H50" s="41">
        <v>3</v>
      </c>
    </row>
    <row r="51" spans="1:11" s="9" customFormat="1" ht="19.5" customHeight="1" x14ac:dyDescent="0.2">
      <c r="A51" s="65"/>
      <c r="B51" s="66"/>
      <c r="C51" s="10" t="s">
        <v>15</v>
      </c>
      <c r="D51" s="33">
        <v>1306</v>
      </c>
      <c r="E51" s="34">
        <v>732</v>
      </c>
      <c r="F51" s="34">
        <v>573</v>
      </c>
      <c r="G51" s="34">
        <v>1</v>
      </c>
      <c r="H51" s="42">
        <v>24</v>
      </c>
    </row>
    <row r="52" spans="1:11" s="9" customFormat="1" ht="19.5" customHeight="1" x14ac:dyDescent="0.2">
      <c r="A52" s="71"/>
      <c r="B52" s="73"/>
      <c r="C52" s="20" t="s">
        <v>16</v>
      </c>
      <c r="D52" s="36">
        <v>478</v>
      </c>
      <c r="E52" s="37">
        <v>430</v>
      </c>
      <c r="F52" s="37">
        <v>32</v>
      </c>
      <c r="G52" s="37">
        <v>17</v>
      </c>
      <c r="H52" s="43">
        <v>4</v>
      </c>
    </row>
    <row r="53" spans="1:11" s="9" customFormat="1" ht="19.5" customHeight="1" x14ac:dyDescent="0.2">
      <c r="A53" s="65">
        <v>2010</v>
      </c>
      <c r="B53" s="66" t="s">
        <v>32</v>
      </c>
      <c r="C53" s="24" t="s">
        <v>33</v>
      </c>
      <c r="D53" s="44">
        <v>2355</v>
      </c>
      <c r="E53" s="45">
        <v>1607</v>
      </c>
      <c r="F53" s="45">
        <v>748</v>
      </c>
      <c r="G53" s="46">
        <v>0</v>
      </c>
      <c r="H53" s="47">
        <v>0</v>
      </c>
    </row>
    <row r="54" spans="1:11" s="9" customFormat="1" ht="19.5" customHeight="1" x14ac:dyDescent="0.2">
      <c r="A54" s="65"/>
      <c r="B54" s="66"/>
      <c r="C54" s="10" t="s">
        <v>34</v>
      </c>
      <c r="D54" s="48">
        <v>1298</v>
      </c>
      <c r="E54" s="49">
        <v>758</v>
      </c>
      <c r="F54" s="49">
        <v>541</v>
      </c>
      <c r="G54" s="50">
        <v>0</v>
      </c>
      <c r="H54" s="51">
        <v>0</v>
      </c>
    </row>
    <row r="55" spans="1:11" s="9" customFormat="1" ht="19.5" customHeight="1" x14ac:dyDescent="0.2">
      <c r="A55" s="65"/>
      <c r="B55" s="66"/>
      <c r="C55" s="15" t="s">
        <v>35</v>
      </c>
      <c r="D55" s="52">
        <v>426</v>
      </c>
      <c r="E55" s="53">
        <v>375</v>
      </c>
      <c r="F55" s="53">
        <v>38</v>
      </c>
      <c r="G55" s="53">
        <v>12</v>
      </c>
      <c r="H55" s="54">
        <v>0</v>
      </c>
    </row>
    <row r="56" spans="1:11" s="9" customFormat="1" ht="19.5" customHeight="1" x14ac:dyDescent="0.2">
      <c r="A56" s="70">
        <v>2015</v>
      </c>
      <c r="B56" s="72" t="s">
        <v>36</v>
      </c>
      <c r="C56" s="4" t="s">
        <v>33</v>
      </c>
      <c r="D56" s="55">
        <v>2140</v>
      </c>
      <c r="E56" s="56">
        <v>1376</v>
      </c>
      <c r="F56" s="56">
        <v>763</v>
      </c>
      <c r="G56" s="56">
        <v>1</v>
      </c>
      <c r="H56" s="47">
        <v>0</v>
      </c>
    </row>
    <row r="57" spans="1:11" s="9" customFormat="1" ht="19.5" customHeight="1" x14ac:dyDescent="0.2">
      <c r="A57" s="65"/>
      <c r="B57" s="66"/>
      <c r="C57" s="10" t="s">
        <v>34</v>
      </c>
      <c r="D57" s="48">
        <v>1283</v>
      </c>
      <c r="E57" s="49">
        <v>758</v>
      </c>
      <c r="F57" s="49">
        <v>524</v>
      </c>
      <c r="G57" s="50">
        <v>0</v>
      </c>
      <c r="H57" s="51">
        <v>0</v>
      </c>
    </row>
    <row r="58" spans="1:11" s="9" customFormat="1" ht="19.5" customHeight="1" x14ac:dyDescent="0.2">
      <c r="A58" s="71"/>
      <c r="B58" s="73"/>
      <c r="C58" s="15" t="s">
        <v>35</v>
      </c>
      <c r="D58" s="52">
        <v>430</v>
      </c>
      <c r="E58" s="53">
        <v>374</v>
      </c>
      <c r="F58" s="63">
        <v>46</v>
      </c>
      <c r="G58" s="63">
        <v>10</v>
      </c>
      <c r="H58" s="54">
        <v>0</v>
      </c>
    </row>
    <row r="59" spans="1:11" s="9" customFormat="1" ht="19.5" customHeight="1" x14ac:dyDescent="0.2">
      <c r="A59" s="65">
        <v>2020</v>
      </c>
      <c r="B59" s="66" t="s">
        <v>44</v>
      </c>
      <c r="C59" s="4" t="s">
        <v>33</v>
      </c>
      <c r="D59" s="62">
        <v>2087</v>
      </c>
      <c r="E59" s="55">
        <v>1240</v>
      </c>
      <c r="F59" s="45">
        <v>846</v>
      </c>
      <c r="G59" s="45">
        <v>1</v>
      </c>
      <c r="H59" s="47">
        <v>0</v>
      </c>
    </row>
    <row r="60" spans="1:11" s="9" customFormat="1" ht="19.5" customHeight="1" x14ac:dyDescent="0.2">
      <c r="A60" s="65"/>
      <c r="B60" s="66"/>
      <c r="C60" s="10" t="s">
        <v>34</v>
      </c>
      <c r="D60" s="44">
        <v>1125</v>
      </c>
      <c r="E60" s="49">
        <v>624</v>
      </c>
      <c r="F60" s="49">
        <v>501</v>
      </c>
      <c r="G60" s="50">
        <v>0</v>
      </c>
      <c r="H60" s="51">
        <v>0</v>
      </c>
      <c r="J60" s="64"/>
      <c r="K60" s="64"/>
    </row>
    <row r="61" spans="1:11" s="9" customFormat="1" ht="19.5" customHeight="1" thickBot="1" x14ac:dyDescent="0.25">
      <c r="A61" s="67"/>
      <c r="B61" s="68"/>
      <c r="C61" s="57" t="s">
        <v>35</v>
      </c>
      <c r="D61" s="58">
        <v>366</v>
      </c>
      <c r="E61" s="59">
        <v>296</v>
      </c>
      <c r="F61" s="59">
        <v>57</v>
      </c>
      <c r="G61" s="59">
        <v>13</v>
      </c>
      <c r="H61" s="60">
        <v>0</v>
      </c>
    </row>
    <row r="62" spans="1:11" ht="19.5" customHeight="1" x14ac:dyDescent="0.2">
      <c r="A62" s="61" t="s">
        <v>37</v>
      </c>
    </row>
    <row r="63" spans="1:11" x14ac:dyDescent="0.2">
      <c r="A63" s="61" t="s">
        <v>38</v>
      </c>
    </row>
    <row r="64" spans="1:11" x14ac:dyDescent="0.2">
      <c r="A64" s="61" t="s">
        <v>39</v>
      </c>
    </row>
    <row r="65" spans="1:8" x14ac:dyDescent="0.2">
      <c r="A65" s="61" t="s">
        <v>40</v>
      </c>
    </row>
    <row r="66" spans="1:8" x14ac:dyDescent="0.2">
      <c r="A66" s="61" t="s">
        <v>41</v>
      </c>
    </row>
    <row r="67" spans="1:8" x14ac:dyDescent="0.2">
      <c r="A67" s="61" t="s">
        <v>42</v>
      </c>
    </row>
    <row r="68" spans="1:8" ht="13.5" customHeight="1" x14ac:dyDescent="0.2">
      <c r="A68" s="69" t="s">
        <v>43</v>
      </c>
      <c r="B68" s="69"/>
      <c r="C68" s="69"/>
      <c r="D68" s="69"/>
      <c r="E68" s="69"/>
      <c r="F68" s="69"/>
      <c r="G68" s="69"/>
      <c r="H68" s="69"/>
    </row>
  </sheetData>
  <mergeCells count="45">
    <mergeCell ref="B2:H3"/>
    <mergeCell ref="E4:H4"/>
    <mergeCell ref="A5:A7"/>
    <mergeCell ref="B5:B7"/>
    <mergeCell ref="C5:C7"/>
    <mergeCell ref="D5:H5"/>
    <mergeCell ref="D6:G6"/>
    <mergeCell ref="H6:H7"/>
    <mergeCell ref="A8:A10"/>
    <mergeCell ref="B8:B10"/>
    <mergeCell ref="A11:A13"/>
    <mergeCell ref="B11:B13"/>
    <mergeCell ref="A14:A16"/>
    <mergeCell ref="B14:B16"/>
    <mergeCell ref="A17:A19"/>
    <mergeCell ref="B17:B19"/>
    <mergeCell ref="A20:A22"/>
    <mergeCell ref="B20:B22"/>
    <mergeCell ref="A23:A25"/>
    <mergeCell ref="B23:B25"/>
    <mergeCell ref="A26:A28"/>
    <mergeCell ref="B26:B28"/>
    <mergeCell ref="A29:A31"/>
    <mergeCell ref="B29:B31"/>
    <mergeCell ref="A32:A34"/>
    <mergeCell ref="B32:B34"/>
    <mergeCell ref="A35:A37"/>
    <mergeCell ref="B35:B37"/>
    <mergeCell ref="A38:A40"/>
    <mergeCell ref="B38:B40"/>
    <mergeCell ref="A41:A43"/>
    <mergeCell ref="B41:B43"/>
    <mergeCell ref="A44:A46"/>
    <mergeCell ref="B44:B46"/>
    <mergeCell ref="A47:A49"/>
    <mergeCell ref="B47:B49"/>
    <mergeCell ref="A50:A52"/>
    <mergeCell ref="B50:B52"/>
    <mergeCell ref="A53:A55"/>
    <mergeCell ref="B53:B55"/>
    <mergeCell ref="A59:A61"/>
    <mergeCell ref="B59:B61"/>
    <mergeCell ref="A68:H68"/>
    <mergeCell ref="A56:A58"/>
    <mergeCell ref="B56:B58"/>
  </mergeCells>
  <phoneticPr fontId="3"/>
  <pageMargins left="0.78740157480314965" right="0.43307086614173229" top="0.98425196850393704" bottom="0.98425196850393704" header="0.51181102362204722" footer="0.51181102362204722"/>
  <pageSetup paperSize="9" orientation="portrait" horizontalDpi="300" verticalDpi="300" r:id="rId1"/>
  <headerFooter alignWithMargins="0"/>
  <rowBreaks count="1" manualBreakCount="1">
    <brk id="37" max="7"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1-4 土地種類別面積</vt:lpstr>
      <vt:lpstr>'1-4 土地種類別面積'!Print_Area</vt:lpstr>
      <vt:lpstr>'1-4 土地種類別面積'!Print_Titles</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作田　洋二</dc:creator>
  <cp:lastModifiedBy>Administrator</cp:lastModifiedBy>
  <cp:lastPrinted>2021-09-22T04:45:54Z</cp:lastPrinted>
  <dcterms:created xsi:type="dcterms:W3CDTF">2017-10-24T07:31:18Z</dcterms:created>
  <dcterms:modified xsi:type="dcterms:W3CDTF">2021-09-22T05:09:46Z</dcterms:modified>
</cp:coreProperties>
</file>